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8A6D9D5-796C-4F52-B0F2-AF01F2504585}" v="1" dt="2025-11-28T07:17:47.41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77" d="100"/>
          <a:sy n="77" d="100"/>
        </p:scale>
        <p:origin x="268" y="5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8/11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1/28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6486F87-2A23-4BBA-102B-FDEA533C74FB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41113" y="63500"/>
            <a:ext cx="712787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Aptos" panose="020B000402020202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cnsc.net/en/events/cns-partnership-conference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Background Image">
            <a:extLst>
              <a:ext uri="{FF2B5EF4-FFF2-40B4-BE49-F238E27FC236}">
                <a16:creationId xmlns:a16="http://schemas.microsoft.com/office/drawing/2014/main" id="{7F515EA1-2286-858E-F3A6-BD474CB8ED3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-13064"/>
            <a:ext cx="12215223" cy="68710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</a:t>
            </a:r>
            <a:r>
              <a:rPr lang="cs-CZ" sz="1600" b="1" dirty="0">
                <a:solidFill>
                  <a:srgbClr val="1E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CNS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N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A038923-FFF2-2388-BD59-A0D9B285328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64771" y="3688166"/>
            <a:ext cx="4862458" cy="2735133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790D02FD-41A3-11AD-08D8-AD42D83D20FE}"/>
              </a:ext>
            </a:extLst>
          </p:cNvPr>
          <p:cNvGrpSpPr/>
          <p:nvPr/>
        </p:nvGrpSpPr>
        <p:grpSpPr>
          <a:xfrm>
            <a:off x="7049048" y="4181707"/>
            <a:ext cx="578387" cy="1057972"/>
            <a:chOff x="1306168" y="815353"/>
            <a:chExt cx="991737" cy="1979946"/>
          </a:xfrm>
        </p:grpSpPr>
        <p:sp>
          <p:nvSpPr>
            <p:cNvPr id="6" name="Freeform 5">
              <a:extLst>
                <a:ext uri="{FF2B5EF4-FFF2-40B4-BE49-F238E27FC236}">
                  <a16:creationId xmlns:a16="http://schemas.microsoft.com/office/drawing/2014/main" id="{C5A0A40C-9D55-0ECC-E0BA-A8792FFA246E}"/>
                </a:ext>
              </a:extLst>
            </p:cNvPr>
            <p:cNvSpPr>
              <a:spLocks noChangeAspect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5DC170E6-CAF2-6C49-AA8C-2DBEAE56669C}"/>
                </a:ext>
              </a:extLst>
            </p:cNvPr>
            <p:cNvSpPr>
              <a:spLocks noChangeAspect="1" noChangeArrowheads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B8F01F4D-B328-85C2-D264-602783536767}"/>
                </a:ext>
              </a:extLst>
            </p:cNvPr>
            <p:cNvSpPr>
              <a:spLocks noChangeAspect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86" y="779"/>
            <a:ext cx="12189228" cy="6856441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20" ma:contentTypeDescription="Create a new document." ma:contentTypeScope="" ma:versionID="1accb232203815ec3040efc51cba9a2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f47486965727e27118c92c38a2790d79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7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8B2D679-E87D-45E8-943A-2F2AF4B7FA7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B34183C6-7270-4AC2-9CD2-45B68A49FD3D}">
  <ds:schemaRefs>
    <ds:schemaRef ds:uri="http://purl.org/dc/terms/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86e16ca4-215f-4354-b2b5-4fac53992da1"/>
    <ds:schemaRef ds:uri="http://purl.org/dc/elements/1.1/"/>
    <ds:schemaRef ds:uri="http://schemas.microsoft.com/office/2006/metadata/properties"/>
    <ds:schemaRef ds:uri="http://schemas.openxmlformats.org/package/2006/metadata/core-properties"/>
    <ds:schemaRef ds:uri="4ffaaae9-dc8c-459f-a92e-1529c78bcbdb"/>
    <ds:schemaRef ds:uri="http://www.w3.org/XML/1998/namespace"/>
    <ds:schemaRef ds:uri="http://purl.org/dc/dcmitype/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145</TotalTime>
  <Words>111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ptos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Katie Erofeeva</cp:lastModifiedBy>
  <cp:revision>6</cp:revision>
  <dcterms:created xsi:type="dcterms:W3CDTF">2023-06-13T12:34:15Z</dcterms:created>
  <dcterms:modified xsi:type="dcterms:W3CDTF">2025-11-28T10:06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